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ldenza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7080B3D7-3E53-E984-E703-D8693045E70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57814" y="4857028"/>
            <a:ext cx="1900376" cy="185096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571485D-C5CD-41DC-A5A8-A0D8006DA2B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3739" y="4276725"/>
            <a:ext cx="1118035" cy="108896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04T14:26:18Z</dcterms:modified>
</cp:coreProperties>
</file>